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7112E" w:rsidRDefault="0077112E" w:rsidP="00570501">
      <w:r>
        <w:t>henry</w:t>
      </w:r>
      <w:bookmarkStart w:id="0" w:name="_GoBack"/>
      <w:bookmarkEnd w:id="0"/>
    </w:p>
    <w:p w:rsidR="00986B8E" w:rsidRDefault="00570501" w:rsidP="00570501">
      <w:r>
        <w:t>1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570501" w:rsidP="00570501"/>
    <w:p w:rsidR="00570501" w:rsidRDefault="00570501" w:rsidP="00570501">
      <w:r>
        <w:t>3.</w:t>
      </w:r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proxies&gt;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mirror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Default="00570501" w:rsidP="00570501">
      <w:r>
        <w:t>ssh-keygen -t rsa -C “XXX@gmail.com”</w:t>
      </w:r>
    </w:p>
    <w:p w:rsidR="00570501" w:rsidRDefault="00570501" w:rsidP="00570501"/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Default="00570501" w:rsidP="00570501">
      <w:r>
        <w:lastRenderedPageBreak/>
        <w:t>$ git config --global user.email "XXX@gmail.com"</w:t>
      </w:r>
    </w:p>
    <w:p w:rsidR="00570501" w:rsidRDefault="00570501" w:rsidP="00570501"/>
    <w:p w:rsidR="00570501" w:rsidRDefault="00570501" w:rsidP="00570501">
      <w:r>
        <w:t>7.</w:t>
      </w:r>
    </w:p>
    <w:p w:rsidR="00570501" w:rsidRDefault="00570501" w:rsidP="00570501">
      <w:r>
        <w:rPr>
          <w:rFonts w:hint="eastAsia"/>
        </w:rPr>
        <w:t>Pull code</w:t>
      </w:r>
      <w:r>
        <w:rPr>
          <w:rFonts w:hint="eastAsia"/>
        </w:rPr>
        <w:t>：</w:t>
      </w:r>
    </w:p>
    <w:p w:rsidR="001D1B7C" w:rsidRDefault="00570501" w:rsidP="00570501">
      <w:r>
        <w:rPr>
          <w:rFonts w:hint="eastAsia"/>
        </w:rPr>
        <w:t>在本地文件夹下，右键</w:t>
      </w:r>
      <w:r>
        <w:rPr>
          <w:rFonts w:hint="eastAsia"/>
        </w:rPr>
        <w:t xml:space="preserve"> -&gt; Git Sync</w:t>
      </w:r>
      <w:r w:rsidR="00830F9A">
        <w:t xml:space="preserve"> </w:t>
      </w:r>
      <w:r w:rsidR="00830F9A">
        <w:rPr>
          <w:rFonts w:hint="eastAsia"/>
        </w:rPr>
        <w:t>打开</w:t>
      </w:r>
      <w:r w:rsidR="00830F9A">
        <w:rPr>
          <w:rFonts w:hint="eastAsia"/>
        </w:rPr>
        <w:t xml:space="preserve"> </w:t>
      </w:r>
      <w:r w:rsidR="00830F9A">
        <w:t>TortoiseGit</w:t>
      </w:r>
      <w:r w:rsidR="00830F9A">
        <w:t>，在</w:t>
      </w:r>
      <w:r w:rsidR="00830F9A"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Default="00830F9A" w:rsidP="00570501">
      <w:r>
        <w:rPr>
          <w:rFonts w:hint="eastAsia"/>
        </w:rPr>
        <w:t>点击</w:t>
      </w:r>
      <w:r>
        <w:t>“Pull”</w:t>
      </w:r>
      <w:r>
        <w:rPr>
          <w:rFonts w:hint="eastAsia"/>
        </w:rPr>
        <w:t>即可</w:t>
      </w:r>
    </w:p>
    <w:p w:rsidR="00830F9A" w:rsidRDefault="00830F9A" w:rsidP="00570501"/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77112E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9236C8" w:rsidRDefault="009236C8" w:rsidP="00570501">
      <w:r>
        <w:t>Hibernate</w:t>
      </w:r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1D1B7C"/>
    <w:rsid w:val="001F703F"/>
    <w:rsid w:val="002A5A08"/>
    <w:rsid w:val="004E26C7"/>
    <w:rsid w:val="004E5712"/>
    <w:rsid w:val="00570501"/>
    <w:rsid w:val="00605F22"/>
    <w:rsid w:val="0077112E"/>
    <w:rsid w:val="00830F9A"/>
    <w:rsid w:val="009236C8"/>
    <w:rsid w:val="009459A6"/>
    <w:rsid w:val="00986B8E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fontTable" Target="fontTable.xm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5</TotalTime>
  <Pages>6</Pages>
  <Words>388</Words>
  <Characters>2215</Characters>
  <Application>Microsoft Office Word</Application>
  <DocSecurity>0</DocSecurity>
  <Lines>18</Lines>
  <Paragraphs>5</Paragraphs>
  <ScaleCrop>false</ScaleCrop>
  <Company/>
  <LinksUpToDate>false</LinksUpToDate>
  <CharactersWithSpaces>259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iao, Henry</cp:lastModifiedBy>
  <cp:revision>23</cp:revision>
  <dcterms:created xsi:type="dcterms:W3CDTF">2015-12-02T12:31:00Z</dcterms:created>
  <dcterms:modified xsi:type="dcterms:W3CDTF">2015-12-03T07:30:00Z</dcterms:modified>
</cp:coreProperties>
</file>